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РЭС ПТО\Отчет на САЙТ\2021\3 кв\19д\"/>
    </mc:Choice>
  </mc:AlternateContent>
  <bookViews>
    <workbookView xWindow="-120" yWindow="-120" windowWidth="29040" windowHeight="15840" tabRatio="541" firstSheet="3" activeTab="7"/>
  </bookViews>
  <sheets>
    <sheet name="Месяц (1)" sheetId="28" r:id="rId1"/>
    <sheet name="Месяц (2)" sheetId="44" r:id="rId2"/>
    <sheet name="Месяц (3)" sheetId="45" r:id="rId3"/>
    <sheet name="Месяц (4)" sheetId="46" r:id="rId4"/>
    <sheet name="Месяц ( 5)" sheetId="47" r:id="rId5"/>
    <sheet name="Месяц (6 )" sheetId="48" r:id="rId6"/>
    <sheet name="Месяц ( 7)" sheetId="49" r:id="rId7"/>
    <sheet name="Месяц  (8)" sheetId="50" r:id="rId8"/>
    <sheet name="Месяц (5)" sheetId="36" state="hidden" r:id="rId9"/>
    <sheet name="Месяц (6)" sheetId="37" state="hidden" r:id="rId10"/>
    <sheet name="Месяц (7)" sheetId="38" state="hidden" r:id="rId11"/>
    <sheet name="Месяц (8)" sheetId="39" state="hidden" r:id="rId12"/>
    <sheet name="Месяц (9)" sheetId="40" state="hidden" r:id="rId13"/>
    <sheet name="Месяц (10)" sheetId="41" state="hidden" r:id="rId14"/>
    <sheet name="Месяц (11)" sheetId="42" state="hidden" r:id="rId15"/>
    <sheet name="Месяц (12)" sheetId="43" state="hidden" r:id="rId16"/>
  </sheets>
  <definedNames>
    <definedName name="_xlnm.Print_Area" localSheetId="7">'Месяц  (8)'!$A$1:$J$16</definedName>
    <definedName name="_xlnm.Print_Area" localSheetId="4">'Месяц ( 5)'!$A$1:$J$16</definedName>
    <definedName name="_xlnm.Print_Area" localSheetId="6">'Месяц ( 7)'!$A$1:$J$16</definedName>
    <definedName name="_xlnm.Print_Area" localSheetId="0">'Месяц (1)'!$A$1:$J$16</definedName>
    <definedName name="_xlnm.Print_Area" localSheetId="13">'Месяц (10)'!$A$1:$J$16</definedName>
    <definedName name="_xlnm.Print_Area" localSheetId="14">'Месяц (11)'!$A$1:$J$16</definedName>
    <definedName name="_xlnm.Print_Area" localSheetId="15">'Месяц (12)'!$A$1:$J$16</definedName>
    <definedName name="_xlnm.Print_Area" localSheetId="1">'Месяц (2)'!$A$1:$J$16</definedName>
    <definedName name="_xlnm.Print_Area" localSheetId="2">'Месяц (3)'!$A$1:$J$16</definedName>
    <definedName name="_xlnm.Print_Area" localSheetId="3">'Месяц (4)'!$A$1:$J$16</definedName>
    <definedName name="_xlnm.Print_Area" localSheetId="8">'Месяц (5)'!$A$1:$J$16</definedName>
    <definedName name="_xlnm.Print_Area" localSheetId="5">'Месяц (6 )'!$A$1:$J$16</definedName>
    <definedName name="_xlnm.Print_Area" localSheetId="9">'Месяц (6)'!$A$1:$J$16</definedName>
    <definedName name="_xlnm.Print_Area" localSheetId="10">'Месяц (7)'!$A$1:$J$16</definedName>
    <definedName name="_xlnm.Print_Area" localSheetId="11">'Месяц (8)'!$A$1:$J$16</definedName>
    <definedName name="_xlnm.Print_Area" localSheetId="12">'Месяц (9)'!$A$1:$J$16</definedName>
  </definedNames>
  <calcPr calcId="145621"/>
</workbook>
</file>

<file path=xl/sharedStrings.xml><?xml version="1.0" encoding="utf-8"?>
<sst xmlns="http://schemas.openxmlformats.org/spreadsheetml/2006/main" count="512" uniqueCount="21">
  <si>
    <t>Субъект РФ (край, область, республика)</t>
  </si>
  <si>
    <t>Количество поданных заявок</t>
  </si>
  <si>
    <t>Заключено договоров</t>
  </si>
  <si>
    <t>Выполнено договоров (подписаны Акты ТП)</t>
  </si>
  <si>
    <t>Аннулированные заявки (с учетом поданных за предыдущие периоды)</t>
  </si>
  <si>
    <t>шт</t>
  </si>
  <si>
    <t>№п/п</t>
  </si>
  <si>
    <t>Наименование Общества</t>
  </si>
  <si>
    <t>Информация  о поданных заявках на технологическое присоединение к электрическим сетям, заключенных договорах об осуществлении технологического присоединения к электрическим сетям, выполненных присоединений и присоединенной мощности в разрезе субъектов Российской Федерации</t>
  </si>
  <si>
    <t>Номер договора ТП</t>
  </si>
  <si>
    <t>Дата заключения договора ТП</t>
  </si>
  <si>
    <t>Запрашиваемая максимальная мощность (без учета ранее присоединенной), кВт</t>
  </si>
  <si>
    <t>Информация  о заключенных договорах об осуществлении технологического присоединения к электрическим сетям, содержащих сведения об объеме присоединяемой мощности, сроках и плате по каждому договору</t>
  </si>
  <si>
    <t>Самарская область</t>
  </si>
  <si>
    <t>ООО "РЭС"</t>
  </si>
  <si>
    <t>Стоимость ТП по договору ТП с НДС, руб.</t>
  </si>
  <si>
    <t>Срок исполнения обязательств по договору ТП</t>
  </si>
  <si>
    <t>кВт</t>
  </si>
  <si>
    <t xml:space="preserve">п. 19 "д" ПП РФ № 24 от 21.01.2004  </t>
  </si>
  <si>
    <t>нет</t>
  </si>
  <si>
    <t>Информация в отношении объектов 35кВ и выше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_-* #,##0.00_р_._-;\-* #,##0.00_р_._-;_-* &quot;-&quot;??_р_._-;_-@_-"/>
    <numFmt numFmtId="165" formatCode="_(* #,##0.00_);_(* \(#,##0.00\);_(* &quot;-&quot;??_);_(@_)"/>
  </numFmts>
  <fonts count="27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1"/>
      <color theme="1"/>
      <name val="Calibri"/>
      <family val="2"/>
      <scheme val="minor"/>
    </font>
    <font>
      <sz val="8"/>
      <name val="Arial"/>
      <family val="2"/>
      <charset val="204"/>
    </font>
    <font>
      <sz val="10"/>
      <name val="Helv"/>
    </font>
    <font>
      <sz val="11"/>
      <color indexed="8"/>
      <name val="Calibri"/>
      <family val="2"/>
      <charset val="204"/>
    </font>
    <font>
      <sz val="11"/>
      <color theme="1"/>
      <name val="Arial Narrow"/>
      <family val="2"/>
      <charset val="204"/>
    </font>
    <font>
      <sz val="11"/>
      <name val="Arial Narrow"/>
      <family val="2"/>
      <charset val="204"/>
    </font>
    <font>
      <b/>
      <sz val="11"/>
      <color theme="1"/>
      <name val="Arial Narrow"/>
      <family val="2"/>
      <charset val="204"/>
    </font>
    <font>
      <b/>
      <sz val="11"/>
      <name val="Arial Narrow"/>
      <family val="2"/>
      <charset val="204"/>
    </font>
    <font>
      <sz val="11"/>
      <color indexed="8"/>
      <name val="Calibri"/>
      <family val="2"/>
    </font>
    <font>
      <sz val="11"/>
      <color indexed="9"/>
      <name val="Calibri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1"/>
      <color indexed="52"/>
      <name val="Calibri"/>
      <family val="2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</fonts>
  <fills count="1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7"/>
        <bgColor indexed="22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4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</borders>
  <cellStyleXfs count="177">
    <xf numFmtId="0" fontId="0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0" fontId="3" fillId="0" borderId="0"/>
    <xf numFmtId="0" fontId="4" fillId="0" borderId="0"/>
    <xf numFmtId="0" fontId="5" fillId="0" borderId="0"/>
    <xf numFmtId="164" fontId="5" fillId="0" borderId="0" applyFont="0" applyFill="0" applyBorder="0" applyAlignment="0" applyProtection="0"/>
    <xf numFmtId="165" fontId="1" fillId="0" borderId="0" applyFont="0" applyFill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</cellStyleXfs>
  <cellXfs count="95">
    <xf numFmtId="0" fontId="0" fillId="0" borderId="0" xfId="0"/>
    <xf numFmtId="0" fontId="8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2" borderId="2" xfId="0" applyFont="1" applyFill="1" applyBorder="1" applyAlignment="1">
      <alignment horizontal="center" vertical="center"/>
    </xf>
    <xf numFmtId="1" fontId="7" fillId="2" borderId="5" xfId="0" applyNumberFormat="1" applyFont="1" applyFill="1" applyBorder="1" applyAlignment="1">
      <alignment horizontal="center" vertical="center"/>
    </xf>
    <xf numFmtId="0" fontId="7" fillId="2" borderId="4" xfId="0" applyNumberFormat="1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1" fontId="7" fillId="0" borderId="4" xfId="0" applyNumberFormat="1" applyFont="1" applyFill="1" applyBorder="1" applyAlignment="1">
      <alignment horizontal="center" vertical="center"/>
    </xf>
    <xf numFmtId="2" fontId="7" fillId="0" borderId="4" xfId="0" applyNumberFormat="1" applyFont="1" applyFill="1" applyBorder="1" applyAlignment="1">
      <alignment horizontal="center" vertical="center"/>
    </xf>
    <xf numFmtId="2" fontId="6" fillId="0" borderId="4" xfId="0" applyNumberFormat="1" applyFont="1" applyBorder="1" applyAlignment="1">
      <alignment horizontal="center" vertical="center"/>
    </xf>
    <xf numFmtId="2" fontId="7" fillId="0" borderId="8" xfId="0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2" fontId="6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2" fontId="7" fillId="3" borderId="7" xfId="0" applyNumberFormat="1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10" fillId="0" borderId="18" xfId="0" applyNumberFormat="1" applyFont="1" applyFill="1" applyBorder="1" applyAlignment="1" applyProtection="1">
      <alignment horizontal="center" vertical="center"/>
    </xf>
    <xf numFmtId="0" fontId="10" fillId="0" borderId="18" xfId="10" applyFont="1" applyFill="1" applyBorder="1" applyAlignment="1">
      <alignment horizontal="center" vertical="center"/>
    </xf>
    <xf numFmtId="14" fontId="10" fillId="0" borderId="18" xfId="34" applyNumberFormat="1" applyFont="1" applyFill="1" applyBorder="1" applyAlignment="1">
      <alignment horizontal="center" vertical="center"/>
    </xf>
    <xf numFmtId="14" fontId="5" fillId="0" borderId="19" xfId="58" applyNumberFormat="1" applyFont="1" applyFill="1" applyBorder="1" applyAlignment="1">
      <alignment horizontal="center" vertical="center"/>
    </xf>
    <xf numFmtId="0" fontId="10" fillId="0" borderId="20" xfId="82" applyFont="1" applyFill="1" applyBorder="1" applyAlignment="1">
      <alignment horizontal="center" vertical="center"/>
    </xf>
    <xf numFmtId="0" fontId="10" fillId="0" borderId="20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17" fontId="9" fillId="0" borderId="0" xfId="0" applyNumberFormat="1" applyFont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10" fillId="0" borderId="21" xfId="0" applyNumberFormat="1" applyFont="1" applyFill="1" applyBorder="1" applyAlignment="1" applyProtection="1">
      <alignment horizontal="center" vertical="center"/>
    </xf>
    <xf numFmtId="0" fontId="10" fillId="0" borderId="21" xfId="10" applyFont="1" applyFill="1" applyBorder="1" applyAlignment="1">
      <alignment horizontal="center" vertical="center"/>
    </xf>
    <xf numFmtId="14" fontId="10" fillId="0" borderId="21" xfId="34" applyNumberFormat="1" applyFont="1" applyFill="1" applyBorder="1" applyAlignment="1">
      <alignment horizontal="center" vertical="center"/>
    </xf>
    <xf numFmtId="14" fontId="5" fillId="0" borderId="23" xfId="58" applyNumberFormat="1" applyFont="1" applyFill="1" applyBorder="1" applyAlignment="1">
      <alignment horizontal="center" vertical="center"/>
    </xf>
    <xf numFmtId="0" fontId="10" fillId="0" borderId="21" xfId="82" applyFont="1" applyFill="1" applyBorder="1" applyAlignment="1">
      <alignment horizontal="center" vertical="center"/>
    </xf>
    <xf numFmtId="0" fontId="10" fillId="0" borderId="21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</cellXfs>
  <cellStyles count="177">
    <cellStyle name="Акцент1 2" xfId="11"/>
    <cellStyle name="Акцент1 3" xfId="35"/>
    <cellStyle name="Акцент1 4" xfId="59"/>
    <cellStyle name="Акцент1 5" xfId="83"/>
    <cellStyle name="Акцент1 6" xfId="107"/>
    <cellStyle name="Акцент1 7" xfId="130"/>
    <cellStyle name="Акцент1 8" xfId="154"/>
    <cellStyle name="Акцент2 2" xfId="12"/>
    <cellStyle name="Акцент2 3" xfId="36"/>
    <cellStyle name="Акцент2 4" xfId="60"/>
    <cellStyle name="Акцент2 5" xfId="84"/>
    <cellStyle name="Акцент2 6" xfId="108"/>
    <cellStyle name="Акцент2 7" xfId="131"/>
    <cellStyle name="Акцент2 8" xfId="155"/>
    <cellStyle name="Акцент3 2" xfId="13"/>
    <cellStyle name="Акцент3 3" xfId="37"/>
    <cellStyle name="Акцент3 4" xfId="61"/>
    <cellStyle name="Акцент3 5" xfId="85"/>
    <cellStyle name="Акцент3 6" xfId="109"/>
    <cellStyle name="Акцент3 7" xfId="132"/>
    <cellStyle name="Акцент3 8" xfId="156"/>
    <cellStyle name="Акцент4 2" xfId="14"/>
    <cellStyle name="Акцент4 3" xfId="38"/>
    <cellStyle name="Акцент4 4" xfId="62"/>
    <cellStyle name="Акцент4 5" xfId="86"/>
    <cellStyle name="Акцент4 6" xfId="110"/>
    <cellStyle name="Акцент4 7" xfId="133"/>
    <cellStyle name="Акцент4 8" xfId="157"/>
    <cellStyle name="Акцент5 2" xfId="15"/>
    <cellStyle name="Акцент5 3" xfId="39"/>
    <cellStyle name="Акцент5 4" xfId="63"/>
    <cellStyle name="Акцент5 5" xfId="87"/>
    <cellStyle name="Акцент5 6" xfId="111"/>
    <cellStyle name="Акцент5 7" xfId="134"/>
    <cellStyle name="Акцент5 8" xfId="158"/>
    <cellStyle name="Акцент6 2" xfId="16"/>
    <cellStyle name="Акцент6 3" xfId="40"/>
    <cellStyle name="Акцент6 4" xfId="64"/>
    <cellStyle name="Акцент6 5" xfId="88"/>
    <cellStyle name="Акцент6 6" xfId="112"/>
    <cellStyle name="Акцент6 7" xfId="135"/>
    <cellStyle name="Акцент6 8" xfId="159"/>
    <cellStyle name="Ввод  2" xfId="17"/>
    <cellStyle name="Ввод  3" xfId="41"/>
    <cellStyle name="Ввод  4" xfId="65"/>
    <cellStyle name="Ввод  5" xfId="89"/>
    <cellStyle name="Ввод  6" xfId="113"/>
    <cellStyle name="Ввод  7" xfId="136"/>
    <cellStyle name="Ввод  8" xfId="160"/>
    <cellStyle name="Вывод 2" xfId="18"/>
    <cellStyle name="Вывод 3" xfId="42"/>
    <cellStyle name="Вывод 4" xfId="66"/>
    <cellStyle name="Вывод 5" xfId="90"/>
    <cellStyle name="Вывод 6" xfId="114"/>
    <cellStyle name="Вывод 7" xfId="137"/>
    <cellStyle name="Вывод 8" xfId="161"/>
    <cellStyle name="Вычисление 2" xfId="19"/>
    <cellStyle name="Вычисление 3" xfId="43"/>
    <cellStyle name="Вычисление 4" xfId="67"/>
    <cellStyle name="Вычисление 5" xfId="91"/>
    <cellStyle name="Вычисление 6" xfId="115"/>
    <cellStyle name="Вычисление 7" xfId="138"/>
    <cellStyle name="Вычисление 8" xfId="162"/>
    <cellStyle name="Заголовок 1 2" xfId="20"/>
    <cellStyle name="Заголовок 1 3" xfId="44"/>
    <cellStyle name="Заголовок 1 4" xfId="68"/>
    <cellStyle name="Заголовок 1 5" xfId="92"/>
    <cellStyle name="Заголовок 1 6" xfId="116"/>
    <cellStyle name="Заголовок 1 7" xfId="139"/>
    <cellStyle name="Заголовок 1 8" xfId="163"/>
    <cellStyle name="Заголовок 2 2" xfId="21"/>
    <cellStyle name="Заголовок 2 3" xfId="45"/>
    <cellStyle name="Заголовок 2 4" xfId="69"/>
    <cellStyle name="Заголовок 2 5" xfId="93"/>
    <cellStyle name="Заголовок 2 6" xfId="117"/>
    <cellStyle name="Заголовок 2 7" xfId="140"/>
    <cellStyle name="Заголовок 2 8" xfId="164"/>
    <cellStyle name="Заголовок 3 2" xfId="22"/>
    <cellStyle name="Заголовок 3 3" xfId="46"/>
    <cellStyle name="Заголовок 3 4" xfId="70"/>
    <cellStyle name="Заголовок 3 5" xfId="94"/>
    <cellStyle name="Заголовок 3 6" xfId="118"/>
    <cellStyle name="Заголовок 3 7" xfId="141"/>
    <cellStyle name="Заголовок 3 8" xfId="165"/>
    <cellStyle name="Заголовок 4 2" xfId="23"/>
    <cellStyle name="Заголовок 4 3" xfId="47"/>
    <cellStyle name="Заголовок 4 4" xfId="71"/>
    <cellStyle name="Заголовок 4 5" xfId="95"/>
    <cellStyle name="Заголовок 4 6" xfId="119"/>
    <cellStyle name="Заголовок 4 7" xfId="142"/>
    <cellStyle name="Заголовок 4 8" xfId="166"/>
    <cellStyle name="Итог 2" xfId="24"/>
    <cellStyle name="Итог 3" xfId="48"/>
    <cellStyle name="Итог 4" xfId="72"/>
    <cellStyle name="Итог 5" xfId="96"/>
    <cellStyle name="Итог 6" xfId="120"/>
    <cellStyle name="Итог 7" xfId="143"/>
    <cellStyle name="Итог 8" xfId="167"/>
    <cellStyle name="Контрольная ячейка 2" xfId="25"/>
    <cellStyle name="Контрольная ячейка 3" xfId="49"/>
    <cellStyle name="Контрольная ячейка 4" xfId="73"/>
    <cellStyle name="Контрольная ячейка 5" xfId="97"/>
    <cellStyle name="Контрольная ячейка 6" xfId="121"/>
    <cellStyle name="Контрольная ячейка 7" xfId="144"/>
    <cellStyle name="Контрольная ячейка 8" xfId="168"/>
    <cellStyle name="Название 2" xfId="26"/>
    <cellStyle name="Название 3" xfId="50"/>
    <cellStyle name="Название 4" xfId="74"/>
    <cellStyle name="Название 5" xfId="98"/>
    <cellStyle name="Название 6" xfId="122"/>
    <cellStyle name="Название 7" xfId="145"/>
    <cellStyle name="Название 8" xfId="169"/>
    <cellStyle name="Нейтральный 2" xfId="27"/>
    <cellStyle name="Нейтральный 3" xfId="51"/>
    <cellStyle name="Нейтральный 4" xfId="75"/>
    <cellStyle name="Нейтральный 5" xfId="99"/>
    <cellStyle name="Нейтральный 6" xfId="123"/>
    <cellStyle name="Нейтральный 7" xfId="146"/>
    <cellStyle name="Нейтральный 8" xfId="170"/>
    <cellStyle name="Обычный" xfId="0" builtinId="0"/>
    <cellStyle name="Обычный 10" xfId="153"/>
    <cellStyle name="Обычный 10 2" xfId="4"/>
    <cellStyle name="Обычный 173" xfId="7"/>
    <cellStyle name="Обычный 2" xfId="1"/>
    <cellStyle name="Обычный 2 2" xfId="5"/>
    <cellStyle name="Обычный 3" xfId="10"/>
    <cellStyle name="Обычный 4" xfId="34"/>
    <cellStyle name="Обычный 5" xfId="58"/>
    <cellStyle name="Обычный 6" xfId="82"/>
    <cellStyle name="Обычный 7" xfId="106"/>
    <cellStyle name="Обычный 8" xfId="2"/>
    <cellStyle name="Плохой 2" xfId="28"/>
    <cellStyle name="Плохой 3" xfId="52"/>
    <cellStyle name="Плохой 4" xfId="76"/>
    <cellStyle name="Плохой 5" xfId="100"/>
    <cellStyle name="Плохой 6" xfId="124"/>
    <cellStyle name="Плохой 7" xfId="147"/>
    <cellStyle name="Плохой 8" xfId="171"/>
    <cellStyle name="Пояснение 2" xfId="29"/>
    <cellStyle name="Пояснение 3" xfId="53"/>
    <cellStyle name="Пояснение 4" xfId="77"/>
    <cellStyle name="Пояснение 5" xfId="101"/>
    <cellStyle name="Пояснение 6" xfId="125"/>
    <cellStyle name="Пояснение 7" xfId="148"/>
    <cellStyle name="Пояснение 8" xfId="172"/>
    <cellStyle name="Примечание 2" xfId="30"/>
    <cellStyle name="Примечание 3" xfId="54"/>
    <cellStyle name="Примечание 4" xfId="78"/>
    <cellStyle name="Примечание 5" xfId="102"/>
    <cellStyle name="Примечание 6" xfId="126"/>
    <cellStyle name="Примечание 7" xfId="149"/>
    <cellStyle name="Примечание 8" xfId="173"/>
    <cellStyle name="Процентный 3" xfId="3"/>
    <cellStyle name="Связанная ячейка 2" xfId="31"/>
    <cellStyle name="Связанная ячейка 3" xfId="55"/>
    <cellStyle name="Связанная ячейка 4" xfId="79"/>
    <cellStyle name="Связанная ячейка 5" xfId="103"/>
    <cellStyle name="Связанная ячейка 6" xfId="127"/>
    <cellStyle name="Связанная ячейка 7" xfId="150"/>
    <cellStyle name="Связанная ячейка 8" xfId="174"/>
    <cellStyle name="Стиль 1" xfId="6"/>
    <cellStyle name="Текст предупреждения 2" xfId="32"/>
    <cellStyle name="Текст предупреждения 3" xfId="56"/>
    <cellStyle name="Текст предупреждения 4" xfId="80"/>
    <cellStyle name="Текст предупреждения 5" xfId="104"/>
    <cellStyle name="Текст предупреждения 6" xfId="128"/>
    <cellStyle name="Текст предупреждения 7" xfId="151"/>
    <cellStyle name="Текст предупреждения 8" xfId="175"/>
    <cellStyle name="Финансовый 3" xfId="8"/>
    <cellStyle name="Финансовый 5 2 2" xfId="9"/>
    <cellStyle name="Хороший 2" xfId="33"/>
    <cellStyle name="Хороший 3" xfId="57"/>
    <cellStyle name="Хороший 4" xfId="81"/>
    <cellStyle name="Хороший 5" xfId="105"/>
    <cellStyle name="Хороший 6" xfId="129"/>
    <cellStyle name="Хороший 7" xfId="152"/>
    <cellStyle name="Хороший 8" xfId="176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theme" Target="theme/theme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197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19" t="s">
        <v>5</v>
      </c>
      <c r="D8" s="22" t="s">
        <v>17</v>
      </c>
      <c r="E8" s="20" t="s">
        <v>5</v>
      </c>
      <c r="F8" s="22" t="s">
        <v>17</v>
      </c>
      <c r="G8" s="20" t="s">
        <v>5</v>
      </c>
      <c r="H8" s="22" t="s">
        <v>17</v>
      </c>
      <c r="I8" s="16" t="s">
        <v>5</v>
      </c>
      <c r="J8" s="2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17" t="s">
        <v>7</v>
      </c>
      <c r="B13" s="18" t="s">
        <v>0</v>
      </c>
      <c r="C13" s="19" t="s">
        <v>6</v>
      </c>
      <c r="D13" s="20" t="s">
        <v>9</v>
      </c>
      <c r="E13" s="20" t="s">
        <v>10</v>
      </c>
      <c r="F13" s="22" t="s">
        <v>16</v>
      </c>
      <c r="G13" s="20" t="s">
        <v>11</v>
      </c>
      <c r="H13" s="2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7:A8"/>
    <mergeCell ref="B7:B8"/>
    <mergeCell ref="C7:D7"/>
    <mergeCell ref="E7:F7"/>
    <mergeCell ref="G7:H7"/>
    <mergeCell ref="I7:J7"/>
    <mergeCell ref="A5:I5"/>
  </mergeCells>
  <pageMargins left="0.7" right="0.7" top="0.75" bottom="0.75" header="0.3" footer="0.3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252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282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313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374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D33" sqref="D3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374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405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800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44"/>
      <c r="B4" s="44"/>
      <c r="C4" s="44"/>
      <c r="D4" s="44"/>
      <c r="E4" s="44"/>
      <c r="F4" s="44"/>
      <c r="G4" s="44"/>
      <c r="H4" s="44"/>
      <c r="I4" s="44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228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47" t="s">
        <v>5</v>
      </c>
      <c r="D8" s="48" t="s">
        <v>17</v>
      </c>
      <c r="E8" s="48" t="s">
        <v>5</v>
      </c>
      <c r="F8" s="48" t="s">
        <v>17</v>
      </c>
      <c r="G8" s="48" t="s">
        <v>5</v>
      </c>
      <c r="H8" s="48" t="s">
        <v>17</v>
      </c>
      <c r="I8" s="49" t="s">
        <v>5</v>
      </c>
      <c r="J8" s="4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45" t="s">
        <v>7</v>
      </c>
      <c r="B13" s="46" t="s">
        <v>0</v>
      </c>
      <c r="C13" s="47" t="s">
        <v>6</v>
      </c>
      <c r="D13" s="48" t="s">
        <v>9</v>
      </c>
      <c r="E13" s="48" t="s">
        <v>10</v>
      </c>
      <c r="F13" s="48" t="s">
        <v>16</v>
      </c>
      <c r="G13" s="48" t="s">
        <v>11</v>
      </c>
      <c r="H13" s="4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50"/>
      <c r="B4" s="50"/>
      <c r="C4" s="50"/>
      <c r="D4" s="50"/>
      <c r="E4" s="50"/>
      <c r="F4" s="50"/>
      <c r="G4" s="50"/>
      <c r="H4" s="50"/>
      <c r="I4" s="50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256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53" t="s">
        <v>5</v>
      </c>
      <c r="D8" s="54" t="s">
        <v>17</v>
      </c>
      <c r="E8" s="54" t="s">
        <v>5</v>
      </c>
      <c r="F8" s="54" t="s">
        <v>17</v>
      </c>
      <c r="G8" s="54" t="s">
        <v>5</v>
      </c>
      <c r="H8" s="54" t="s">
        <v>17</v>
      </c>
      <c r="I8" s="55" t="s">
        <v>5</v>
      </c>
      <c r="J8" s="5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51" t="s">
        <v>7</v>
      </c>
      <c r="B13" s="52" t="s">
        <v>0</v>
      </c>
      <c r="C13" s="53" t="s">
        <v>6</v>
      </c>
      <c r="D13" s="54" t="s">
        <v>9</v>
      </c>
      <c r="E13" s="54" t="s">
        <v>10</v>
      </c>
      <c r="F13" s="54" t="s">
        <v>16</v>
      </c>
      <c r="G13" s="54" t="s">
        <v>11</v>
      </c>
      <c r="H13" s="5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56"/>
      <c r="B4" s="56"/>
      <c r="C4" s="56"/>
      <c r="D4" s="56"/>
      <c r="E4" s="56"/>
      <c r="F4" s="56"/>
      <c r="G4" s="56"/>
      <c r="H4" s="56"/>
      <c r="I4" s="56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287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59" t="s">
        <v>5</v>
      </c>
      <c r="D8" s="60" t="s">
        <v>17</v>
      </c>
      <c r="E8" s="60" t="s">
        <v>5</v>
      </c>
      <c r="F8" s="60" t="s">
        <v>17</v>
      </c>
      <c r="G8" s="60" t="s">
        <v>5</v>
      </c>
      <c r="H8" s="60" t="s">
        <v>17</v>
      </c>
      <c r="I8" s="61" t="s">
        <v>5</v>
      </c>
      <c r="J8" s="6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57" t="s">
        <v>7</v>
      </c>
      <c r="B13" s="58" t="s">
        <v>0</v>
      </c>
      <c r="C13" s="59" t="s">
        <v>6</v>
      </c>
      <c r="D13" s="60" t="s">
        <v>9</v>
      </c>
      <c r="E13" s="60" t="s">
        <v>10</v>
      </c>
      <c r="F13" s="60" t="s">
        <v>16</v>
      </c>
      <c r="G13" s="60" t="s">
        <v>11</v>
      </c>
      <c r="H13" s="6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C20" sqref="C2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62"/>
      <c r="B4" s="62"/>
      <c r="C4" s="62"/>
      <c r="D4" s="62"/>
      <c r="E4" s="62"/>
      <c r="F4" s="62"/>
      <c r="G4" s="62"/>
      <c r="H4" s="62"/>
      <c r="I4" s="62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317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65" t="s">
        <v>5</v>
      </c>
      <c r="D8" s="66" t="s">
        <v>17</v>
      </c>
      <c r="E8" s="66" t="s">
        <v>5</v>
      </c>
      <c r="F8" s="66" t="s">
        <v>17</v>
      </c>
      <c r="G8" s="66" t="s">
        <v>5</v>
      </c>
      <c r="H8" s="66" t="s">
        <v>17</v>
      </c>
      <c r="I8" s="67" t="s">
        <v>5</v>
      </c>
      <c r="J8" s="6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63" t="s">
        <v>7</v>
      </c>
      <c r="B13" s="64" t="s">
        <v>0</v>
      </c>
      <c r="C13" s="65" t="s">
        <v>6</v>
      </c>
      <c r="D13" s="66" t="s">
        <v>9</v>
      </c>
      <c r="E13" s="66" t="s">
        <v>10</v>
      </c>
      <c r="F13" s="66" t="s">
        <v>16</v>
      </c>
      <c r="G13" s="66" t="s">
        <v>11</v>
      </c>
      <c r="H13" s="6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E23" sqref="E2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68"/>
      <c r="B4" s="68"/>
      <c r="C4" s="68"/>
      <c r="D4" s="68"/>
      <c r="E4" s="68"/>
      <c r="F4" s="68"/>
      <c r="G4" s="68"/>
      <c r="H4" s="68"/>
      <c r="I4" s="68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348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71" t="s">
        <v>5</v>
      </c>
      <c r="D8" s="72" t="s">
        <v>17</v>
      </c>
      <c r="E8" s="72" t="s">
        <v>5</v>
      </c>
      <c r="F8" s="72" t="s">
        <v>17</v>
      </c>
      <c r="G8" s="72" t="s">
        <v>5</v>
      </c>
      <c r="H8" s="72" t="s">
        <v>17</v>
      </c>
      <c r="I8" s="73" t="s">
        <v>5</v>
      </c>
      <c r="J8" s="7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69" t="s">
        <v>7</v>
      </c>
      <c r="B13" s="70" t="s">
        <v>0</v>
      </c>
      <c r="C13" s="71" t="s">
        <v>6</v>
      </c>
      <c r="D13" s="72" t="s">
        <v>9</v>
      </c>
      <c r="E13" s="72" t="s">
        <v>10</v>
      </c>
      <c r="F13" s="72" t="s">
        <v>16</v>
      </c>
      <c r="G13" s="72" t="s">
        <v>11</v>
      </c>
      <c r="H13" s="7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topLeftCell="A4" zoomScale="80" zoomScaleNormal="80" zoomScaleSheetLayoutView="80" workbookViewId="0">
      <selection activeCell="H20" sqref="H2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74"/>
      <c r="B4" s="74"/>
      <c r="C4" s="74"/>
      <c r="D4" s="74"/>
      <c r="E4" s="74"/>
      <c r="F4" s="74"/>
      <c r="G4" s="74"/>
      <c r="H4" s="74"/>
      <c r="I4" s="74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348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77" t="s">
        <v>5</v>
      </c>
      <c r="D8" s="78" t="s">
        <v>17</v>
      </c>
      <c r="E8" s="78" t="s">
        <v>5</v>
      </c>
      <c r="F8" s="78" t="s">
        <v>17</v>
      </c>
      <c r="G8" s="78" t="s">
        <v>5</v>
      </c>
      <c r="H8" s="78" t="s">
        <v>17</v>
      </c>
      <c r="I8" s="79" t="s">
        <v>5</v>
      </c>
      <c r="J8" s="7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75" t="s">
        <v>7</v>
      </c>
      <c r="B13" s="76" t="s">
        <v>0</v>
      </c>
      <c r="C13" s="77" t="s">
        <v>6</v>
      </c>
      <c r="D13" s="78" t="s">
        <v>9</v>
      </c>
      <c r="E13" s="78" t="s">
        <v>10</v>
      </c>
      <c r="F13" s="78" t="s">
        <v>16</v>
      </c>
      <c r="G13" s="78" t="s">
        <v>11</v>
      </c>
      <c r="H13" s="7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tabSelected="1" view="pageBreakPreview" zoomScale="80" zoomScaleNormal="80" zoomScaleSheetLayoutView="80" workbookViewId="0">
      <selection activeCell="G15" sqref="G15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80"/>
      <c r="B4" s="80"/>
      <c r="C4" s="80"/>
      <c r="D4" s="80"/>
      <c r="E4" s="80"/>
      <c r="F4" s="80"/>
      <c r="G4" s="80"/>
      <c r="H4" s="80"/>
      <c r="I4" s="80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4197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83" t="s">
        <v>5</v>
      </c>
      <c r="D8" s="84" t="s">
        <v>17</v>
      </c>
      <c r="E8" s="84" t="s">
        <v>5</v>
      </c>
      <c r="F8" s="84" t="s">
        <v>17</v>
      </c>
      <c r="G8" s="84" t="s">
        <v>5</v>
      </c>
      <c r="H8" s="84" t="s">
        <v>17</v>
      </c>
      <c r="I8" s="85" t="s">
        <v>5</v>
      </c>
      <c r="J8" s="8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81" t="s">
        <v>7</v>
      </c>
      <c r="B13" s="82" t="s">
        <v>0</v>
      </c>
      <c r="C13" s="83" t="s">
        <v>6</v>
      </c>
      <c r="D13" s="84" t="s">
        <v>9</v>
      </c>
      <c r="E13" s="84" t="s">
        <v>10</v>
      </c>
      <c r="F13" s="84" t="s">
        <v>16</v>
      </c>
      <c r="G13" s="84" t="s">
        <v>11</v>
      </c>
      <c r="H13" s="8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86" t="s">
        <v>8</v>
      </c>
      <c r="B3" s="86"/>
      <c r="C3" s="86"/>
      <c r="D3" s="86"/>
      <c r="E3" s="86"/>
      <c r="F3" s="86"/>
      <c r="G3" s="86"/>
      <c r="H3" s="86"/>
      <c r="I3" s="86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94" t="s">
        <v>20</v>
      </c>
      <c r="B5" s="94"/>
      <c r="C5" s="94"/>
      <c r="D5" s="94"/>
      <c r="E5" s="94"/>
      <c r="F5" s="94"/>
      <c r="G5" s="94"/>
      <c r="H5" s="94"/>
      <c r="I5" s="94"/>
    </row>
    <row r="6" spans="1:13" x14ac:dyDescent="0.25">
      <c r="A6" s="35">
        <v>43221</v>
      </c>
      <c r="B6" s="4"/>
    </row>
    <row r="7" spans="1:13" ht="46.5" customHeight="1" x14ac:dyDescent="0.25">
      <c r="A7" s="87" t="s">
        <v>7</v>
      </c>
      <c r="B7" s="89" t="s">
        <v>0</v>
      </c>
      <c r="C7" s="91" t="s">
        <v>1</v>
      </c>
      <c r="D7" s="92"/>
      <c r="E7" s="92" t="s">
        <v>2</v>
      </c>
      <c r="F7" s="92"/>
      <c r="G7" s="92" t="s">
        <v>3</v>
      </c>
      <c r="H7" s="92"/>
      <c r="I7" s="93" t="s">
        <v>4</v>
      </c>
      <c r="J7" s="93"/>
    </row>
    <row r="8" spans="1:13" ht="15" customHeight="1" x14ac:dyDescent="0.25">
      <c r="A8" s="88"/>
      <c r="B8" s="90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86" t="s">
        <v>12</v>
      </c>
      <c r="B11" s="86"/>
      <c r="C11" s="86"/>
      <c r="D11" s="86"/>
      <c r="E11" s="86"/>
      <c r="F11" s="86"/>
      <c r="G11" s="86"/>
      <c r="H11" s="86"/>
      <c r="I11" s="86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6</vt:i4>
      </vt:variant>
      <vt:variant>
        <vt:lpstr>Именованные диапазоны</vt:lpstr>
      </vt:variant>
      <vt:variant>
        <vt:i4>16</vt:i4>
      </vt:variant>
    </vt:vector>
  </HeadingPairs>
  <TitlesOfParts>
    <vt:vector size="32" baseType="lpstr">
      <vt:lpstr>Месяц (1)</vt:lpstr>
      <vt:lpstr>Месяц (2)</vt:lpstr>
      <vt:lpstr>Месяц (3)</vt:lpstr>
      <vt:lpstr>Месяц (4)</vt:lpstr>
      <vt:lpstr>Месяц ( 5)</vt:lpstr>
      <vt:lpstr>Месяц (6 )</vt:lpstr>
      <vt:lpstr>Месяц ( 7)</vt:lpstr>
      <vt:lpstr>Месяц  (8)</vt:lpstr>
      <vt:lpstr>Месяц (5)</vt:lpstr>
      <vt:lpstr>Месяц (6)</vt:lpstr>
      <vt:lpstr>Месяц (7)</vt:lpstr>
      <vt:lpstr>Месяц (8)</vt:lpstr>
      <vt:lpstr>Месяц (9)</vt:lpstr>
      <vt:lpstr>Месяц (10)</vt:lpstr>
      <vt:lpstr>Месяц (11)</vt:lpstr>
      <vt:lpstr>Месяц (12)</vt:lpstr>
      <vt:lpstr>'Месяц  (8)'!Область_печати</vt:lpstr>
      <vt:lpstr>'Месяц ( 5)'!Область_печати</vt:lpstr>
      <vt:lpstr>'Месяц ( 7)'!Область_печати</vt:lpstr>
      <vt:lpstr>'Месяц (1)'!Область_печати</vt:lpstr>
      <vt:lpstr>'Месяц (10)'!Область_печати</vt:lpstr>
      <vt:lpstr>'Месяц (11)'!Область_печати</vt:lpstr>
      <vt:lpstr>'Месяц (12)'!Область_печати</vt:lpstr>
      <vt:lpstr>'Месяц (2)'!Область_печати</vt:lpstr>
      <vt:lpstr>'Месяц (3)'!Область_печати</vt:lpstr>
      <vt:lpstr>'Месяц (4)'!Область_печати</vt:lpstr>
      <vt:lpstr>'Месяц (5)'!Область_печати</vt:lpstr>
      <vt:lpstr>'Месяц (6 )'!Область_печати</vt:lpstr>
      <vt:lpstr>'Месяц (6)'!Область_печати</vt:lpstr>
      <vt:lpstr>'Месяц (7)'!Область_печати</vt:lpstr>
      <vt:lpstr>'Месяц (8)'!Область_печати</vt:lpstr>
      <vt:lpstr>'Месяц (9)'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rkov SP</dc:creator>
  <cp:lastModifiedBy>Лордугин АВ</cp:lastModifiedBy>
  <dcterms:created xsi:type="dcterms:W3CDTF">2015-04-01T08:30:50Z</dcterms:created>
  <dcterms:modified xsi:type="dcterms:W3CDTF">2021-09-08T07:23:51Z</dcterms:modified>
</cp:coreProperties>
</file>